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6130"/>
  <workbookPr/>
  <mc:AlternateContent xmlns:mc="http://schemas.openxmlformats.org/markup-compatibility/2006">
    <mc:Choice Requires="x15">
      <x15ac:absPath xmlns:x15ac="http://schemas.microsoft.com/office/spreadsheetml/2010/11/ac" url="C:\Users\s209894\Documents\request-assets\"/>
    </mc:Choice>
  </mc:AlternateContent>
  <xr:revisionPtr revIDLastSave="0" documentId="8_{7A0FD0BB-401E-470D-9162-173D2FCC4481}" xr6:coauthVersionLast="47" xr6:coauthVersionMax="47" xr10:uidLastSave="{00000000-0000-0000-0000-000000000000}"/>
  <bookViews>
    <workbookView xWindow="28680" yWindow="-120" windowWidth="29040" windowHeight="17520" xr2:uid="{00000000-000D-0000-FFFF-FFFF00000000}"/>
  </bookViews>
  <sheets>
    <sheet name="Quarterly Dividends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G2" i="1" l="1"/>
  <c r="G3" i="1"/>
  <c r="G4" i="1"/>
  <c r="G5" i="1"/>
</calcChain>
</file>

<file path=xl/sharedStrings.xml><?xml version="1.0" encoding="utf-8"?>
<sst xmlns="http://schemas.openxmlformats.org/spreadsheetml/2006/main" count="10" uniqueCount="10">
  <si>
    <t>Extra or Special</t>
  </si>
  <si>
    <t>Total</t>
  </si>
  <si>
    <t>Non-Tax %</t>
  </si>
  <si>
    <t>Non-Tax $/Share</t>
  </si>
  <si>
    <t>Year</t>
  </si>
  <si>
    <t>Cumul. Non-Tax $/Share</t>
  </si>
  <si>
    <t>Q1</t>
  </si>
  <si>
    <t>Q2</t>
  </si>
  <si>
    <t>Q3</t>
  </si>
  <si>
    <t>Q4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64" formatCode="0.000"/>
    <numFmt numFmtId="165" formatCode="0.0000"/>
    <numFmt numFmtId="166" formatCode="0.00#"/>
  </numFmts>
  <fonts count="20" x14ac:knownFonts="1">
    <font>
      <sz val="8"/>
      <name val="verdana"/>
    </font>
    <font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11"/>
      <color rgb="FF9C0006"/>
      <name val="Calibri"/>
      <family val="2"/>
      <scheme val="minor"/>
    </font>
    <font>
      <b/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sz val="11"/>
      <color rgb="FF006100"/>
      <name val="Calibri"/>
      <family val="2"/>
      <scheme val="min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3F3F76"/>
      <name val="Calibri"/>
      <family val="2"/>
      <scheme val="minor"/>
    </font>
    <font>
      <sz val="11"/>
      <color rgb="FFFA7D00"/>
      <name val="Calibri"/>
      <family val="2"/>
      <scheme val="minor"/>
    </font>
    <font>
      <sz val="11"/>
      <color rgb="FF9C6500"/>
      <name val="Calibri"/>
      <family val="2"/>
      <scheme val="minor"/>
    </font>
    <font>
      <b/>
      <sz val="11"/>
      <color rgb="FF3F3F3F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1"/>
      <color theme="1"/>
      <name val="Calibri"/>
      <family val="2"/>
      <scheme val="minor"/>
    </font>
    <font>
      <sz val="11"/>
      <color rgb="FFFF0000"/>
      <name val="Calibri"/>
      <family val="2"/>
      <scheme val="minor"/>
    </font>
    <font>
      <b/>
      <sz val="10"/>
      <name val="Calibri"/>
      <family val="2"/>
      <scheme val="minor"/>
    </font>
    <font>
      <sz val="10"/>
      <name val="Calibri"/>
      <family val="2"/>
      <scheme val="minor"/>
    </font>
  </fonts>
  <fills count="34">
    <fill>
      <patternFill patternType="none"/>
    </fill>
    <fill>
      <patternFill patternType="gray125"/>
    </fill>
    <fill>
      <patternFill patternType="solid">
        <fgColor theme="4" tint="0.79998168889431442"/>
        <bgColor indexed="6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/>
      </patternFill>
    </fill>
    <fill>
      <patternFill patternType="solid">
        <fgColor theme="5"/>
      </patternFill>
    </fill>
    <fill>
      <patternFill patternType="solid">
        <fgColor theme="6"/>
      </patternFill>
    </fill>
    <fill>
      <patternFill patternType="solid">
        <fgColor theme="7"/>
      </patternFill>
    </fill>
    <fill>
      <patternFill patternType="solid">
        <fgColor theme="8"/>
      </patternFill>
    </fill>
    <fill>
      <patternFill patternType="solid">
        <fgColor theme="9"/>
      </patternFill>
    </fill>
    <fill>
      <patternFill patternType="solid">
        <fgColor rgb="FFFFC7CE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C6EFCE"/>
      </patternFill>
    </fill>
    <fill>
      <patternFill patternType="solid">
        <fgColor rgb="FFFFCC99"/>
      </patternFill>
    </fill>
    <fill>
      <patternFill patternType="solid">
        <fgColor rgb="FFFFEB9C"/>
      </patternFill>
    </fill>
    <fill>
      <patternFill patternType="solid">
        <fgColor rgb="FFFFFFCC"/>
      </patternFill>
    </fill>
    <fill>
      <patternFill patternType="solid">
        <fgColor theme="0" tint="-4.9989318521683403E-2"/>
        <bgColor indexed="64"/>
      </patternFill>
    </fill>
  </fills>
  <borders count="10">
    <border>
      <left/>
      <right/>
      <top/>
      <bottom/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/>
      <bottom style="double">
        <color rgb="FFFF8001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42">
    <xf numFmtId="0" fontId="0" fillId="0" borderId="0">
      <alignment vertical="top"/>
    </xf>
    <xf numFmtId="0" fontId="1" fillId="2" borderId="0" applyNumberFormat="0" applyBorder="0" applyAlignment="0" applyProtection="0"/>
    <xf numFmtId="0" fontId="1" fillId="3" borderId="0" applyNumberFormat="0" applyBorder="0" applyAlignment="0" applyProtection="0"/>
    <xf numFmtId="0" fontId="1" fillId="4" borderId="0" applyNumberFormat="0" applyBorder="0" applyAlignment="0" applyProtection="0"/>
    <xf numFmtId="0" fontId="1" fillId="5" borderId="0" applyNumberFormat="0" applyBorder="0" applyAlignment="0" applyProtection="0"/>
    <xf numFmtId="0" fontId="1" fillId="6" borderId="0" applyNumberFormat="0" applyBorder="0" applyAlignment="0" applyProtection="0"/>
    <xf numFmtId="0" fontId="1" fillId="7" borderId="0" applyNumberFormat="0" applyBorder="0" applyAlignment="0" applyProtection="0"/>
    <xf numFmtId="0" fontId="1" fillId="8" borderId="0" applyNumberFormat="0" applyBorder="0" applyAlignment="0" applyProtection="0"/>
    <xf numFmtId="0" fontId="1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" fillId="13" borderId="0" applyNumberFormat="0" applyBorder="0" applyAlignment="0" applyProtection="0"/>
    <xf numFmtId="0" fontId="2" fillId="14" borderId="0" applyNumberFormat="0" applyBorder="0" applyAlignment="0" applyProtection="0"/>
    <xf numFmtId="0" fontId="2" fillId="15" borderId="0" applyNumberFormat="0" applyBorder="0" applyAlignment="0" applyProtection="0"/>
    <xf numFmtId="0" fontId="2" fillId="16" borderId="0" applyNumberFormat="0" applyBorder="0" applyAlignment="0" applyProtection="0"/>
    <xf numFmtId="0" fontId="2" fillId="17" borderId="0" applyNumberFormat="0" applyBorder="0" applyAlignment="0" applyProtection="0"/>
    <xf numFmtId="0" fontId="2" fillId="18" borderId="0" applyNumberFormat="0" applyBorder="0" applyAlignment="0" applyProtection="0"/>
    <xf numFmtId="0" fontId="2" fillId="19" borderId="0" applyNumberFormat="0" applyBorder="0" applyAlignment="0" applyProtection="0"/>
    <xf numFmtId="0" fontId="2" fillId="20" borderId="0" applyNumberFormat="0" applyBorder="0" applyAlignment="0" applyProtection="0"/>
    <xf numFmtId="0" fontId="2" fillId="21" borderId="0" applyNumberFormat="0" applyBorder="0" applyAlignment="0" applyProtection="0"/>
    <xf numFmtId="0" fontId="2" fillId="22" borderId="0" applyNumberFormat="0" applyBorder="0" applyAlignment="0" applyProtection="0"/>
    <xf numFmtId="0" fontId="2" fillId="23" borderId="0" applyNumberFormat="0" applyBorder="0" applyAlignment="0" applyProtection="0"/>
    <xf numFmtId="0" fontId="2" fillId="24" borderId="0" applyNumberFormat="0" applyBorder="0" applyAlignment="0" applyProtection="0"/>
    <xf numFmtId="0" fontId="2" fillId="25" borderId="0" applyNumberFormat="0" applyBorder="0" applyAlignment="0" applyProtection="0"/>
    <xf numFmtId="0" fontId="3" fillId="26" borderId="0" applyNumberFormat="0" applyBorder="0" applyAlignment="0" applyProtection="0"/>
    <xf numFmtId="0" fontId="4" fillId="27" borderId="1" applyNumberFormat="0" applyAlignment="0" applyProtection="0"/>
    <xf numFmtId="0" fontId="5" fillId="28" borderId="2" applyNumberFormat="0" applyAlignment="0" applyProtection="0"/>
    <xf numFmtId="0" fontId="6" fillId="0" borderId="0" applyNumberFormat="0" applyFill="0" applyBorder="0" applyAlignment="0" applyProtection="0"/>
    <xf numFmtId="0" fontId="7" fillId="29" borderId="0" applyNumberFormat="0" applyBorder="0" applyAlignment="0" applyProtection="0"/>
    <xf numFmtId="0" fontId="8" fillId="0" borderId="3" applyNumberFormat="0" applyFill="0" applyAlignment="0" applyProtection="0"/>
    <xf numFmtId="0" fontId="9" fillId="0" borderId="4" applyNumberFormat="0" applyFill="0" applyAlignment="0" applyProtection="0"/>
    <xf numFmtId="0" fontId="10" fillId="0" borderId="5" applyNumberFormat="0" applyFill="0" applyAlignment="0" applyProtection="0"/>
    <xf numFmtId="0" fontId="10" fillId="0" borderId="0" applyNumberFormat="0" applyFill="0" applyBorder="0" applyAlignment="0" applyProtection="0"/>
    <xf numFmtId="0" fontId="11" fillId="30" borderId="1" applyNumberFormat="0" applyAlignment="0" applyProtection="0"/>
    <xf numFmtId="0" fontId="12" fillId="0" borderId="6" applyNumberFormat="0" applyFill="0" applyAlignment="0" applyProtection="0"/>
    <xf numFmtId="0" fontId="13" fillId="31" borderId="0" applyNumberFormat="0" applyBorder="0" applyAlignment="0" applyProtection="0"/>
    <xf numFmtId="0" fontId="1" fillId="32" borderId="7" applyNumberFormat="0" applyFont="0" applyAlignment="0" applyProtection="0"/>
    <xf numFmtId="0" fontId="14" fillId="27" borderId="8" applyNumberForma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0" borderId="0" applyNumberFormat="0" applyFill="0" applyBorder="0" applyAlignment="0" applyProtection="0"/>
  </cellStyleXfs>
  <cellXfs count="10">
    <xf numFmtId="0" fontId="0" fillId="0" borderId="0" xfId="0">
      <alignment vertical="top"/>
    </xf>
    <xf numFmtId="0" fontId="19" fillId="0" borderId="0" xfId="0" applyFont="1">
      <alignment vertical="top"/>
    </xf>
    <xf numFmtId="0" fontId="19" fillId="0" borderId="0" xfId="0" quotePrefix="1" applyFont="1" applyAlignment="1">
      <alignment horizontal="center" vertical="top"/>
    </xf>
    <xf numFmtId="0" fontId="19" fillId="0" borderId="0" xfId="0" applyFont="1" applyAlignment="1">
      <alignment horizontal="center" vertical="top"/>
    </xf>
    <xf numFmtId="164" fontId="19" fillId="0" borderId="0" xfId="0" applyNumberFormat="1" applyFont="1" applyAlignment="1">
      <alignment horizontal="center" vertical="top"/>
    </xf>
    <xf numFmtId="10" fontId="19" fillId="0" borderId="0" xfId="0" applyNumberFormat="1" applyFont="1" applyAlignment="1">
      <alignment horizontal="center" vertical="top"/>
    </xf>
    <xf numFmtId="165" fontId="19" fillId="0" borderId="0" xfId="0" applyNumberFormat="1" applyFont="1" applyAlignment="1">
      <alignment horizontal="center" vertical="top"/>
    </xf>
    <xf numFmtId="0" fontId="18" fillId="33" borderId="0" xfId="0" applyFont="1" applyFill="1" applyAlignment="1">
      <alignment horizontal="center" wrapText="1"/>
    </xf>
    <xf numFmtId="166" fontId="18" fillId="33" borderId="0" xfId="0" applyNumberFormat="1" applyFont="1" applyFill="1" applyAlignment="1">
      <alignment horizontal="center" wrapText="1"/>
    </xf>
    <xf numFmtId="166" fontId="19" fillId="0" borderId="0" xfId="0" applyNumberFormat="1" applyFont="1" applyAlignment="1">
      <alignment horizontal="center" vertical="top"/>
    </xf>
  </cellXfs>
  <cellStyles count="42">
    <cellStyle name="20% - Accent1" xfId="1" builtinId="30" customBuiltin="1"/>
    <cellStyle name="20% - Accent2" xfId="2" builtinId="34" customBuiltin="1"/>
    <cellStyle name="20% - Accent3" xfId="3" builtinId="38" customBuiltin="1"/>
    <cellStyle name="20% - Accent4" xfId="4" builtinId="42" customBuiltin="1"/>
    <cellStyle name="20% - Accent5" xfId="5" builtinId="46" customBuiltin="1"/>
    <cellStyle name="20% - Accent6" xfId="6" builtinId="50" customBuiltin="1"/>
    <cellStyle name="40% - Accent1" xfId="7" builtinId="31" customBuiltin="1"/>
    <cellStyle name="40% - Accent2" xfId="8" builtinId="35" customBuiltin="1"/>
    <cellStyle name="40% - Accent3" xfId="9" builtinId="39" customBuiltin="1"/>
    <cellStyle name="40% - Accent4" xfId="10" builtinId="43" customBuiltin="1"/>
    <cellStyle name="40% - Accent5" xfId="11" builtinId="47" customBuiltin="1"/>
    <cellStyle name="40% - Accent6" xfId="12" builtinId="51" customBuiltin="1"/>
    <cellStyle name="60% - Accent1" xfId="13" builtinId="32" customBuiltin="1"/>
    <cellStyle name="60% - Accent2" xfId="14" builtinId="36" customBuiltin="1"/>
    <cellStyle name="60% - Accent3" xfId="15" builtinId="40" customBuiltin="1"/>
    <cellStyle name="60% - Accent4" xfId="16" builtinId="44" customBuiltin="1"/>
    <cellStyle name="60% - Accent5" xfId="17" builtinId="48" customBuiltin="1"/>
    <cellStyle name="60% - Accent6" xfId="18" builtinId="52" customBuiltin="1"/>
    <cellStyle name="Accent1" xfId="19" builtinId="29" customBuiltin="1"/>
    <cellStyle name="Accent2" xfId="20" builtinId="33" customBuiltin="1"/>
    <cellStyle name="Accent3" xfId="21" builtinId="37" customBuiltin="1"/>
    <cellStyle name="Accent4" xfId="22" builtinId="41" customBuiltin="1"/>
    <cellStyle name="Accent5" xfId="23" builtinId="45" customBuiltin="1"/>
    <cellStyle name="Accent6" xfId="24" builtinId="49" customBuiltin="1"/>
    <cellStyle name="Bad" xfId="25" builtinId="27" customBuiltin="1"/>
    <cellStyle name="Calculation" xfId="26" builtinId="22" customBuiltin="1"/>
    <cellStyle name="Check Cell" xfId="27" builtinId="23" customBuiltin="1"/>
    <cellStyle name="Explanatory Text" xfId="28" builtinId="53" customBuiltin="1"/>
    <cellStyle name="Good" xfId="29" builtinId="26" customBuiltin="1"/>
    <cellStyle name="Heading 1" xfId="30" builtinId="16" customBuiltin="1"/>
    <cellStyle name="Heading 2" xfId="31" builtinId="17" customBuiltin="1"/>
    <cellStyle name="Heading 3" xfId="32" builtinId="18" customBuiltin="1"/>
    <cellStyle name="Heading 4" xfId="33" builtinId="19" customBuiltin="1"/>
    <cellStyle name="Input" xfId="34" builtinId="20" customBuiltin="1"/>
    <cellStyle name="Linked Cell" xfId="35" builtinId="24" customBuiltin="1"/>
    <cellStyle name="Neutral" xfId="36" builtinId="28" customBuiltin="1"/>
    <cellStyle name="Normal" xfId="0" builtinId="0" customBuiltin="1"/>
    <cellStyle name="Note" xfId="37" builtinId="10" customBuiltin="1"/>
    <cellStyle name="Output" xfId="38" builtinId="21" customBuiltin="1"/>
    <cellStyle name="Title" xfId="39" builtinId="15" customBuiltin="1"/>
    <cellStyle name="Total" xfId="40" builtinId="25" customBuiltin="1"/>
    <cellStyle name="Warning Text" xfId="41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2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J55"/>
  <sheetViews>
    <sheetView tabSelected="1" workbookViewId="0">
      <pane ySplit="1" topLeftCell="A2" activePane="bottomLeft" state="frozen"/>
      <selection pane="bottomLeft" activeCell="M33" sqref="M33"/>
    </sheetView>
  </sheetViews>
  <sheetFormatPr defaultColWidth="9.140625" defaultRowHeight="12.75" x14ac:dyDescent="0.15"/>
  <cols>
    <col min="1" max="1" width="6.7109375" style="3" customWidth="1"/>
    <col min="2" max="5" width="6.7109375" style="9" customWidth="1"/>
    <col min="6" max="6" width="7.140625" style="3" bestFit="1" customWidth="1"/>
    <col min="7" max="7" width="6.7109375" style="9" customWidth="1"/>
    <col min="8" max="8" width="9.140625" style="3" bestFit="1" customWidth="1"/>
    <col min="9" max="9" width="7.42578125" style="3" bestFit="1" customWidth="1"/>
    <col min="10" max="10" width="10.28515625" style="3" bestFit="1" customWidth="1"/>
    <col min="11" max="16384" width="9.140625" style="1"/>
  </cols>
  <sheetData>
    <row r="1" spans="1:10" ht="25.5" x14ac:dyDescent="0.2">
      <c r="A1" s="7" t="s">
        <v>4</v>
      </c>
      <c r="B1" s="8" t="s">
        <v>6</v>
      </c>
      <c r="C1" s="8" t="s">
        <v>7</v>
      </c>
      <c r="D1" s="8" t="s">
        <v>8</v>
      </c>
      <c r="E1" s="8" t="s">
        <v>9</v>
      </c>
      <c r="F1" s="7" t="s">
        <v>0</v>
      </c>
      <c r="G1" s="8" t="s">
        <v>1</v>
      </c>
      <c r="H1" s="7" t="s">
        <v>2</v>
      </c>
      <c r="I1" s="7" t="s">
        <v>3</v>
      </c>
      <c r="J1" s="7" t="s">
        <v>5</v>
      </c>
    </row>
    <row r="2" spans="1:10" x14ac:dyDescent="0.15">
      <c r="A2" s="2">
        <v>2024</v>
      </c>
      <c r="B2" s="9">
        <v>0.88</v>
      </c>
      <c r="F2" s="4"/>
      <c r="G2" s="9">
        <f>SUM(B2:E2)</f>
        <v>0.88</v>
      </c>
      <c r="H2" s="5"/>
      <c r="I2" s="6"/>
      <c r="J2" s="6"/>
    </row>
    <row r="3" spans="1:10" x14ac:dyDescent="0.15">
      <c r="A3" s="2">
        <v>2023</v>
      </c>
      <c r="B3" s="9">
        <v>0.83</v>
      </c>
      <c r="C3" s="9">
        <v>0.83</v>
      </c>
      <c r="D3" s="9">
        <v>0.83</v>
      </c>
      <c r="E3" s="9">
        <v>0.88</v>
      </c>
      <c r="F3" s="4"/>
      <c r="G3" s="9">
        <f>SUM(B3:E3)</f>
        <v>3.3699999999999997</v>
      </c>
      <c r="H3" s="5"/>
      <c r="I3" s="6"/>
      <c r="J3" s="6"/>
    </row>
    <row r="4" spans="1:10" x14ac:dyDescent="0.15">
      <c r="A4" s="2">
        <v>2022</v>
      </c>
      <c r="B4" s="9">
        <v>0.78</v>
      </c>
      <c r="C4" s="9">
        <v>0.78</v>
      </c>
      <c r="D4" s="9">
        <v>0.78</v>
      </c>
      <c r="E4" s="9">
        <v>0.83</v>
      </c>
      <c r="F4" s="4"/>
      <c r="G4" s="9">
        <f>SUM(B4:E4)</f>
        <v>3.17</v>
      </c>
      <c r="H4" s="5"/>
      <c r="I4" s="6"/>
      <c r="J4" s="6"/>
    </row>
    <row r="5" spans="1:10" x14ac:dyDescent="0.15">
      <c r="A5" s="2">
        <v>2021</v>
      </c>
      <c r="B5" s="9">
        <v>0.74</v>
      </c>
      <c r="C5" s="9">
        <v>0.74</v>
      </c>
      <c r="D5" s="9">
        <v>0.74</v>
      </c>
      <c r="E5" s="9">
        <v>0.78</v>
      </c>
      <c r="F5" s="4"/>
      <c r="G5" s="9">
        <f>SUM(B5:E5)</f>
        <v>3</v>
      </c>
      <c r="H5" s="5"/>
      <c r="I5" s="6"/>
      <c r="J5" s="6"/>
    </row>
    <row r="6" spans="1:10" x14ac:dyDescent="0.15">
      <c r="A6" s="2">
        <v>2020</v>
      </c>
      <c r="B6" s="9">
        <v>0.7</v>
      </c>
      <c r="C6" s="9">
        <v>0.7</v>
      </c>
      <c r="D6" s="9">
        <v>0.7</v>
      </c>
      <c r="E6" s="9">
        <v>0.74</v>
      </c>
      <c r="F6" s="4"/>
      <c r="G6" s="9">
        <v>2.84</v>
      </c>
      <c r="H6" s="5"/>
      <c r="I6" s="6"/>
      <c r="J6" s="6"/>
    </row>
    <row r="7" spans="1:10" x14ac:dyDescent="0.15">
      <c r="A7" s="2">
        <v>2019</v>
      </c>
      <c r="B7" s="9">
        <v>0.67</v>
      </c>
      <c r="C7" s="9">
        <v>0.67</v>
      </c>
      <c r="D7" s="9">
        <v>0.7</v>
      </c>
      <c r="E7" s="9">
        <v>0.7</v>
      </c>
      <c r="F7" s="4"/>
      <c r="G7" s="9">
        <v>2.74</v>
      </c>
      <c r="H7" s="5"/>
      <c r="I7" s="6"/>
      <c r="J7" s="6"/>
    </row>
    <row r="8" spans="1:10" x14ac:dyDescent="0.15">
      <c r="A8" s="2">
        <v>2018</v>
      </c>
      <c r="B8" s="9">
        <v>0.62</v>
      </c>
      <c r="C8" s="9">
        <v>0.62</v>
      </c>
      <c r="D8" s="9">
        <v>0.62</v>
      </c>
      <c r="E8" s="9">
        <v>0.67</v>
      </c>
      <c r="F8" s="4"/>
      <c r="G8" s="9">
        <v>2.5299999999999998</v>
      </c>
      <c r="H8" s="5"/>
      <c r="I8" s="6"/>
      <c r="J8" s="6"/>
    </row>
    <row r="9" spans="1:10" x14ac:dyDescent="0.15">
      <c r="A9" s="2">
        <v>2017</v>
      </c>
      <c r="B9" s="9">
        <v>0.59</v>
      </c>
      <c r="C9" s="9">
        <v>0.59</v>
      </c>
      <c r="D9" s="9">
        <v>0.59</v>
      </c>
      <c r="E9" s="9">
        <v>0.62</v>
      </c>
      <c r="F9" s="4"/>
      <c r="G9" s="9">
        <v>2.39</v>
      </c>
      <c r="H9" s="5"/>
      <c r="I9" s="6"/>
      <c r="J9" s="6"/>
    </row>
    <row r="10" spans="1:10" x14ac:dyDescent="0.15">
      <c r="A10" s="2">
        <v>2016</v>
      </c>
      <c r="B10" s="9">
        <v>0.56000000000000005</v>
      </c>
      <c r="C10" s="9">
        <v>0.56000000000000005</v>
      </c>
      <c r="D10" s="9">
        <v>0.56000000000000005</v>
      </c>
      <c r="E10" s="9">
        <v>0.59</v>
      </c>
      <c r="F10" s="4"/>
      <c r="G10" s="9">
        <v>2.27</v>
      </c>
      <c r="H10" s="5"/>
      <c r="I10" s="6"/>
      <c r="J10" s="6"/>
    </row>
    <row r="11" spans="1:10" x14ac:dyDescent="0.15">
      <c r="A11" s="2">
        <v>2015</v>
      </c>
      <c r="B11" s="9">
        <v>0.53</v>
      </c>
      <c r="C11" s="9">
        <v>0.53</v>
      </c>
      <c r="D11" s="9">
        <v>0.53</v>
      </c>
      <c r="E11" s="9">
        <v>0.56000000000000005</v>
      </c>
      <c r="F11" s="4"/>
      <c r="G11" s="9">
        <v>2.15</v>
      </c>
      <c r="H11" s="5"/>
      <c r="I11" s="6"/>
      <c r="J11" s="6"/>
    </row>
    <row r="12" spans="1:10" x14ac:dyDescent="0.15">
      <c r="A12" s="2">
        <v>2014</v>
      </c>
      <c r="B12" s="9">
        <v>0.5</v>
      </c>
      <c r="C12" s="9">
        <v>0.5</v>
      </c>
      <c r="D12" s="9">
        <v>0.5</v>
      </c>
      <c r="E12" s="9">
        <v>0.53</v>
      </c>
      <c r="F12" s="4"/>
      <c r="G12" s="9">
        <v>2.0299999999999998</v>
      </c>
      <c r="H12" s="5"/>
      <c r="I12" s="6"/>
      <c r="J12" s="6"/>
    </row>
    <row r="13" spans="1:10" x14ac:dyDescent="0.15">
      <c r="A13" s="2">
        <v>2013</v>
      </c>
      <c r="B13" s="9">
        <v>0.47</v>
      </c>
      <c r="C13" s="9">
        <v>0.49</v>
      </c>
      <c r="D13" s="9">
        <v>0.49</v>
      </c>
      <c r="E13" s="9">
        <v>0.5</v>
      </c>
      <c r="F13" s="4"/>
      <c r="G13" s="9">
        <v>1.95</v>
      </c>
      <c r="H13" s="5"/>
      <c r="I13" s="6"/>
      <c r="J13" s="6"/>
    </row>
    <row r="14" spans="1:10" x14ac:dyDescent="0.15">
      <c r="A14" s="2">
        <v>2012</v>
      </c>
      <c r="B14" s="9">
        <v>0.47</v>
      </c>
      <c r="C14" s="9">
        <v>0.47</v>
      </c>
      <c r="D14" s="9">
        <v>0.47</v>
      </c>
      <c r="E14" s="9">
        <v>0.47</v>
      </c>
      <c r="F14" s="4"/>
      <c r="G14" s="9">
        <v>1.88</v>
      </c>
      <c r="H14" s="5"/>
      <c r="I14" s="6"/>
      <c r="J14" s="6"/>
    </row>
    <row r="15" spans="1:10" x14ac:dyDescent="0.15">
      <c r="A15" s="2">
        <v>2011</v>
      </c>
      <c r="B15" s="9">
        <v>0.46</v>
      </c>
      <c r="C15" s="9">
        <v>0.46</v>
      </c>
      <c r="D15" s="9">
        <v>0.46</v>
      </c>
      <c r="E15" s="9">
        <v>0.47</v>
      </c>
      <c r="F15" s="4"/>
      <c r="G15" s="9">
        <v>1.85</v>
      </c>
      <c r="H15" s="5"/>
      <c r="I15" s="6"/>
      <c r="J15" s="6"/>
    </row>
    <row r="16" spans="1:10" x14ac:dyDescent="0.15">
      <c r="A16" s="2">
        <v>2010</v>
      </c>
      <c r="B16" s="9">
        <v>0.41</v>
      </c>
      <c r="C16" s="9">
        <v>0.42</v>
      </c>
      <c r="D16" s="9">
        <v>0.42</v>
      </c>
      <c r="E16" s="9">
        <v>0.46</v>
      </c>
      <c r="F16" s="4"/>
      <c r="G16" s="9">
        <v>1.71</v>
      </c>
      <c r="H16" s="5"/>
      <c r="I16" s="6"/>
      <c r="J16" s="6"/>
    </row>
    <row r="17" spans="1:10" x14ac:dyDescent="0.15">
      <c r="A17" s="2">
        <v>2009</v>
      </c>
      <c r="B17" s="9">
        <v>0.41</v>
      </c>
      <c r="C17" s="9">
        <v>0.41</v>
      </c>
      <c r="D17" s="9">
        <v>0.41</v>
      </c>
      <c r="E17" s="9">
        <v>0.41</v>
      </c>
      <c r="F17" s="4"/>
      <c r="G17" s="9">
        <v>1.64</v>
      </c>
      <c r="H17" s="5"/>
      <c r="I17" s="6"/>
      <c r="J17" s="6"/>
    </row>
    <row r="18" spans="1:10" x14ac:dyDescent="0.15">
      <c r="A18" s="2">
        <v>2008</v>
      </c>
      <c r="B18" s="9">
        <v>0.41</v>
      </c>
      <c r="C18" s="9">
        <v>0.41</v>
      </c>
      <c r="D18" s="9">
        <v>0.41</v>
      </c>
      <c r="E18" s="9">
        <v>0.41</v>
      </c>
      <c r="F18" s="4"/>
      <c r="G18" s="9">
        <v>1.64</v>
      </c>
      <c r="H18" s="5"/>
      <c r="I18" s="6"/>
      <c r="J18" s="6"/>
    </row>
    <row r="19" spans="1:10" x14ac:dyDescent="0.15">
      <c r="A19" s="2">
        <v>2007</v>
      </c>
      <c r="B19" s="9">
        <v>0.39</v>
      </c>
      <c r="C19" s="9">
        <v>0.39</v>
      </c>
      <c r="D19" s="9">
        <v>0.39</v>
      </c>
      <c r="E19" s="9">
        <v>0.41</v>
      </c>
      <c r="F19" s="4"/>
      <c r="G19" s="9">
        <v>1.58</v>
      </c>
      <c r="H19" s="5"/>
      <c r="I19" s="6"/>
      <c r="J19" s="6"/>
    </row>
    <row r="20" spans="1:10" x14ac:dyDescent="0.15">
      <c r="A20" s="2">
        <v>2006</v>
      </c>
      <c r="B20" s="9">
        <v>0.37</v>
      </c>
      <c r="C20" s="9">
        <v>0.37</v>
      </c>
      <c r="D20" s="9">
        <v>0.37</v>
      </c>
      <c r="E20" s="9">
        <v>0.39</v>
      </c>
      <c r="F20" s="4"/>
      <c r="G20" s="9">
        <v>1.5</v>
      </c>
      <c r="H20" s="5"/>
      <c r="I20" s="6"/>
      <c r="J20" s="6"/>
    </row>
    <row r="21" spans="1:10" x14ac:dyDescent="0.15">
      <c r="A21" s="2">
        <v>2005</v>
      </c>
      <c r="B21" s="9">
        <v>0.35</v>
      </c>
      <c r="C21" s="9">
        <v>0.35</v>
      </c>
      <c r="D21" s="9">
        <v>0.35</v>
      </c>
      <c r="E21" s="9">
        <v>0.37</v>
      </c>
      <c r="F21" s="4"/>
      <c r="G21" s="9">
        <v>1.42</v>
      </c>
      <c r="H21" s="5"/>
      <c r="I21" s="6"/>
      <c r="J21" s="6"/>
    </row>
    <row r="22" spans="1:10" x14ac:dyDescent="0.15">
      <c r="A22" s="2">
        <v>2004</v>
      </c>
      <c r="B22" s="9">
        <v>0.35</v>
      </c>
      <c r="C22" s="9">
        <v>0.35</v>
      </c>
      <c r="D22" s="9">
        <v>0.35</v>
      </c>
      <c r="E22" s="9">
        <v>0.35</v>
      </c>
      <c r="F22" s="4"/>
      <c r="G22" s="9">
        <v>1.4</v>
      </c>
      <c r="H22" s="5"/>
      <c r="I22" s="6"/>
      <c r="J22" s="6"/>
    </row>
    <row r="23" spans="1:10" x14ac:dyDescent="0.15">
      <c r="A23" s="2">
        <v>2003</v>
      </c>
      <c r="B23" s="9">
        <v>0.6</v>
      </c>
      <c r="C23" s="9">
        <v>0.35</v>
      </c>
      <c r="D23" s="9">
        <v>0.35</v>
      </c>
      <c r="E23" s="9">
        <v>0.35</v>
      </c>
      <c r="F23" s="4"/>
      <c r="G23" s="9">
        <v>1.65</v>
      </c>
      <c r="H23" s="5"/>
      <c r="I23" s="6"/>
      <c r="J23" s="6"/>
    </row>
    <row r="24" spans="1:10" x14ac:dyDescent="0.15">
      <c r="A24" s="2">
        <v>2002</v>
      </c>
      <c r="B24" s="9">
        <v>0.6</v>
      </c>
      <c r="C24" s="9">
        <v>0.6</v>
      </c>
      <c r="D24" s="9">
        <v>0.6</v>
      </c>
      <c r="E24" s="9">
        <v>0.6</v>
      </c>
      <c r="F24" s="4"/>
      <c r="G24" s="9">
        <v>2.4</v>
      </c>
      <c r="H24" s="5"/>
      <c r="I24" s="6"/>
      <c r="J24" s="6"/>
    </row>
    <row r="25" spans="1:10" x14ac:dyDescent="0.15">
      <c r="A25" s="2">
        <v>2001</v>
      </c>
      <c r="B25" s="9">
        <v>0.6</v>
      </c>
      <c r="C25" s="9">
        <v>0.6</v>
      </c>
      <c r="D25" s="9">
        <v>0.6</v>
      </c>
      <c r="E25" s="9">
        <v>0.6</v>
      </c>
      <c r="F25" s="4"/>
      <c r="G25" s="9">
        <v>2.4</v>
      </c>
      <c r="H25" s="5"/>
      <c r="I25" s="6"/>
      <c r="J25" s="6"/>
    </row>
    <row r="26" spans="1:10" x14ac:dyDescent="0.15">
      <c r="A26" s="2">
        <v>2000</v>
      </c>
      <c r="B26" s="9">
        <v>0.6</v>
      </c>
      <c r="C26" s="9">
        <v>0.6</v>
      </c>
      <c r="D26" s="9">
        <v>0.6</v>
      </c>
      <c r="E26" s="9">
        <v>0.6</v>
      </c>
      <c r="F26" s="4"/>
      <c r="G26" s="9">
        <v>2.4</v>
      </c>
      <c r="H26" s="5"/>
      <c r="I26" s="6"/>
      <c r="J26" s="6"/>
    </row>
    <row r="27" spans="1:10" x14ac:dyDescent="0.15">
      <c r="A27" s="2">
        <v>1999</v>
      </c>
      <c r="B27" s="9">
        <v>0.6</v>
      </c>
      <c r="C27" s="9">
        <v>0.6</v>
      </c>
      <c r="D27" s="9">
        <v>0.6</v>
      </c>
      <c r="E27" s="9">
        <v>0.6</v>
      </c>
      <c r="F27" s="4"/>
      <c r="G27" s="9">
        <v>2.4</v>
      </c>
      <c r="H27" s="5"/>
      <c r="I27" s="6"/>
      <c r="J27" s="6"/>
    </row>
    <row r="28" spans="1:10" x14ac:dyDescent="0.15">
      <c r="A28" s="2">
        <v>1998</v>
      </c>
      <c r="B28" s="9">
        <v>0.6</v>
      </c>
      <c r="C28" s="9">
        <v>0.6</v>
      </c>
      <c r="D28" s="9">
        <v>0.6</v>
      </c>
      <c r="E28" s="9">
        <v>0.6</v>
      </c>
      <c r="F28" s="4"/>
      <c r="G28" s="9">
        <v>2.4</v>
      </c>
      <c r="H28" s="5"/>
      <c r="I28" s="6"/>
      <c r="J28" s="6"/>
    </row>
    <row r="29" spans="1:10" x14ac:dyDescent="0.15">
      <c r="A29" s="2">
        <v>1997</v>
      </c>
      <c r="B29" s="9">
        <v>0.6</v>
      </c>
      <c r="C29" s="9">
        <v>0.6</v>
      </c>
      <c r="D29" s="9">
        <v>0.6</v>
      </c>
      <c r="E29" s="9">
        <v>0.6</v>
      </c>
      <c r="F29" s="4"/>
      <c r="G29" s="9">
        <v>2.4</v>
      </c>
      <c r="H29" s="5"/>
      <c r="I29" s="6"/>
      <c r="J29" s="6"/>
    </row>
    <row r="30" spans="1:10" x14ac:dyDescent="0.15">
      <c r="A30" s="2">
        <v>1996</v>
      </c>
      <c r="B30" s="9">
        <v>0.6</v>
      </c>
      <c r="C30" s="9">
        <v>0.6</v>
      </c>
      <c r="D30" s="9">
        <v>0.6</v>
      </c>
      <c r="E30" s="9">
        <v>0.6</v>
      </c>
      <c r="F30" s="4"/>
      <c r="G30" s="9">
        <v>2.4</v>
      </c>
      <c r="H30" s="5"/>
      <c r="I30" s="6"/>
      <c r="J30" s="6"/>
    </row>
    <row r="31" spans="1:10" x14ac:dyDescent="0.15">
      <c r="A31" s="2">
        <v>1995</v>
      </c>
      <c r="B31" s="9">
        <v>0.6</v>
      </c>
      <c r="C31" s="9">
        <v>0.6</v>
      </c>
      <c r="D31" s="9">
        <v>0.6</v>
      </c>
      <c r="E31" s="9">
        <v>0.6</v>
      </c>
      <c r="F31" s="4"/>
      <c r="G31" s="9">
        <v>2.4</v>
      </c>
      <c r="H31" s="5"/>
      <c r="I31" s="6"/>
      <c r="J31" s="6"/>
    </row>
    <row r="32" spans="1:10" x14ac:dyDescent="0.15">
      <c r="A32" s="2">
        <v>1994</v>
      </c>
      <c r="B32" s="9">
        <v>0.6</v>
      </c>
      <c r="C32" s="9">
        <v>0.6</v>
      </c>
      <c r="D32" s="9">
        <v>0.6</v>
      </c>
      <c r="E32" s="9">
        <v>0.6</v>
      </c>
      <c r="F32" s="4"/>
      <c r="G32" s="9">
        <v>2.4</v>
      </c>
      <c r="H32" s="5"/>
      <c r="I32" s="6"/>
      <c r="J32" s="6"/>
    </row>
    <row r="33" spans="1:10" x14ac:dyDescent="0.15">
      <c r="A33" s="2">
        <v>1993</v>
      </c>
      <c r="B33" s="9">
        <v>0.6</v>
      </c>
      <c r="C33" s="9">
        <v>0.6</v>
      </c>
      <c r="D33" s="9">
        <v>0.6</v>
      </c>
      <c r="E33" s="9">
        <v>0.6</v>
      </c>
      <c r="F33" s="4"/>
      <c r="G33" s="9">
        <v>2.4</v>
      </c>
      <c r="H33" s="5"/>
      <c r="I33" s="6"/>
      <c r="J33" s="6"/>
    </row>
    <row r="34" spans="1:10" x14ac:dyDescent="0.15">
      <c r="A34" s="2">
        <v>1992</v>
      </c>
      <c r="B34" s="9">
        <v>0.6</v>
      </c>
      <c r="C34" s="9">
        <v>0.6</v>
      </c>
      <c r="D34" s="9">
        <v>0.6</v>
      </c>
      <c r="E34" s="9">
        <v>0.6</v>
      </c>
      <c r="F34" s="4"/>
      <c r="G34" s="9">
        <v>2.4</v>
      </c>
      <c r="H34" s="5"/>
      <c r="I34" s="6"/>
      <c r="J34" s="6"/>
    </row>
    <row r="35" spans="1:10" x14ac:dyDescent="0.15">
      <c r="A35" s="2">
        <v>1991</v>
      </c>
      <c r="B35" s="9">
        <v>0.6</v>
      </c>
      <c r="C35" s="9">
        <v>0.6</v>
      </c>
      <c r="D35" s="9">
        <v>0.6</v>
      </c>
      <c r="E35" s="9">
        <v>0.6</v>
      </c>
      <c r="F35" s="4"/>
      <c r="G35" s="9">
        <v>2.4</v>
      </c>
      <c r="H35" s="5"/>
      <c r="I35" s="6"/>
      <c r="J35" s="6"/>
    </row>
    <row r="36" spans="1:10" x14ac:dyDescent="0.15">
      <c r="A36" s="2">
        <v>1990</v>
      </c>
      <c r="B36" s="9">
        <v>0.6</v>
      </c>
      <c r="C36" s="9">
        <v>0.6</v>
      </c>
      <c r="D36" s="9">
        <v>0.6</v>
      </c>
      <c r="E36" s="9">
        <v>0.6</v>
      </c>
      <c r="F36" s="4"/>
      <c r="G36" s="9">
        <v>2.4</v>
      </c>
      <c r="H36" s="5"/>
      <c r="I36" s="6"/>
      <c r="J36" s="6"/>
    </row>
    <row r="37" spans="1:10" x14ac:dyDescent="0.15">
      <c r="A37" s="2">
        <v>1989</v>
      </c>
      <c r="B37" s="9">
        <v>0.57999999999999996</v>
      </c>
      <c r="C37" s="9">
        <v>0.57999999999999996</v>
      </c>
      <c r="D37" s="9">
        <v>0.6</v>
      </c>
      <c r="E37" s="9">
        <v>0.6</v>
      </c>
      <c r="F37" s="4"/>
      <c r="G37" s="9">
        <v>2.36</v>
      </c>
      <c r="H37" s="5"/>
      <c r="I37" s="6"/>
      <c r="J37" s="6"/>
    </row>
    <row r="38" spans="1:10" x14ac:dyDescent="0.15">
      <c r="A38" s="2">
        <v>1988</v>
      </c>
      <c r="B38" s="9">
        <v>0.56499999999999995</v>
      </c>
      <c r="C38" s="9">
        <v>0.56499999999999995</v>
      </c>
      <c r="D38" s="9">
        <v>0.57999999999999996</v>
      </c>
      <c r="E38" s="9">
        <v>0.57999999999999996</v>
      </c>
      <c r="F38" s="4">
        <v>0.05</v>
      </c>
      <c r="G38" s="9">
        <v>2.34</v>
      </c>
      <c r="H38" s="5"/>
      <c r="I38" s="6"/>
      <c r="J38" s="6"/>
    </row>
    <row r="39" spans="1:10" x14ac:dyDescent="0.15">
      <c r="A39" s="2">
        <v>1987</v>
      </c>
      <c r="B39" s="9">
        <v>0.56499999999999995</v>
      </c>
      <c r="C39" s="9">
        <v>0.56499999999999995</v>
      </c>
      <c r="D39" s="9">
        <v>0.56499999999999995</v>
      </c>
      <c r="E39" s="9">
        <v>0.56499999999999995</v>
      </c>
      <c r="F39" s="4">
        <v>0.08</v>
      </c>
      <c r="G39" s="9">
        <v>2.34</v>
      </c>
      <c r="H39" s="5"/>
      <c r="I39" s="6"/>
      <c r="J39" s="6"/>
    </row>
    <row r="40" spans="1:10" x14ac:dyDescent="0.15">
      <c r="A40" s="2">
        <v>1986</v>
      </c>
      <c r="B40" s="9">
        <v>0.56499999999999995</v>
      </c>
      <c r="C40" s="9">
        <v>0.56499999999999995</v>
      </c>
      <c r="D40" s="9">
        <v>0.56499999999999995</v>
      </c>
      <c r="E40" s="9">
        <v>0.56499999999999995</v>
      </c>
      <c r="F40" s="4"/>
      <c r="G40" s="9">
        <v>2.2599999999999998</v>
      </c>
      <c r="H40" s="5"/>
      <c r="I40" s="6"/>
      <c r="J40" s="6"/>
    </row>
    <row r="41" spans="1:10" x14ac:dyDescent="0.15">
      <c r="A41" s="2">
        <v>1985</v>
      </c>
      <c r="B41" s="9">
        <v>0.56499999999999995</v>
      </c>
      <c r="C41" s="9">
        <v>0.56499999999999995</v>
      </c>
      <c r="D41" s="9">
        <v>0.56499999999999995</v>
      </c>
      <c r="E41" s="9">
        <v>0.56499999999999995</v>
      </c>
      <c r="F41" s="4"/>
      <c r="G41" s="9">
        <v>2.2599999999999998</v>
      </c>
      <c r="H41" s="5"/>
      <c r="I41" s="6"/>
      <c r="J41" s="6"/>
    </row>
    <row r="42" spans="1:10" x14ac:dyDescent="0.15">
      <c r="A42" s="2">
        <v>1984</v>
      </c>
      <c r="B42" s="9">
        <v>0.56499999999999995</v>
      </c>
      <c r="C42" s="9">
        <v>0.56499999999999995</v>
      </c>
      <c r="D42" s="9">
        <v>0.56499999999999995</v>
      </c>
      <c r="E42" s="9">
        <v>0.56499999999999995</v>
      </c>
      <c r="F42" s="4">
        <v>0.08</v>
      </c>
      <c r="G42" s="9">
        <v>2.34</v>
      </c>
      <c r="H42" s="5"/>
      <c r="I42" s="6"/>
      <c r="J42" s="6"/>
    </row>
    <row r="43" spans="1:10" x14ac:dyDescent="0.15">
      <c r="A43" s="2">
        <v>1983</v>
      </c>
      <c r="B43" s="9">
        <v>0.56499999999999995</v>
      </c>
      <c r="C43" s="9">
        <v>0.56499999999999995</v>
      </c>
      <c r="D43" s="9">
        <v>0.56499999999999995</v>
      </c>
      <c r="E43" s="9">
        <v>0.56499999999999995</v>
      </c>
      <c r="F43" s="4"/>
      <c r="G43" s="9">
        <v>2.2599999999999998</v>
      </c>
      <c r="H43" s="5"/>
      <c r="I43" s="6"/>
      <c r="J43" s="6">
        <v>0</v>
      </c>
    </row>
    <row r="44" spans="1:10" x14ac:dyDescent="0.15">
      <c r="A44" s="2">
        <v>1982</v>
      </c>
      <c r="B44" s="9">
        <v>0.56499999999999995</v>
      </c>
      <c r="C44" s="9">
        <v>0.56499999999999995</v>
      </c>
      <c r="D44" s="9">
        <v>0.56499999999999995</v>
      </c>
      <c r="E44" s="9">
        <v>0.56499999999999995</v>
      </c>
      <c r="F44" s="4"/>
      <c r="G44" s="9">
        <v>2.2599999999999998</v>
      </c>
      <c r="H44" s="5">
        <v>0.41099999999999998</v>
      </c>
      <c r="I44" s="6">
        <v>0.92886000000000002</v>
      </c>
      <c r="J44" s="6">
        <v>0.92886000000000002</v>
      </c>
    </row>
    <row r="45" spans="1:10" x14ac:dyDescent="0.15">
      <c r="A45" s="2">
        <v>1981</v>
      </c>
      <c r="B45" s="9">
        <v>0.56499999999999995</v>
      </c>
      <c r="C45" s="9">
        <v>0.56499999999999995</v>
      </c>
      <c r="D45" s="9">
        <v>0.56499999999999995</v>
      </c>
      <c r="E45" s="9">
        <v>0.56499999999999995</v>
      </c>
      <c r="F45" s="4"/>
      <c r="G45" s="9">
        <v>2.2599999999999998</v>
      </c>
      <c r="H45" s="5">
        <v>0.57379999999999998</v>
      </c>
      <c r="I45" s="6">
        <v>1.2967880000000001</v>
      </c>
      <c r="J45" s="6">
        <v>2.2256480000000001</v>
      </c>
    </row>
    <row r="46" spans="1:10" x14ac:dyDescent="0.15">
      <c r="A46" s="2">
        <v>1980</v>
      </c>
      <c r="B46" s="9">
        <v>0.55500000000000005</v>
      </c>
      <c r="C46" s="9">
        <v>0.55500000000000005</v>
      </c>
      <c r="D46" s="9">
        <v>0.55500000000000005</v>
      </c>
      <c r="E46" s="9">
        <v>0.56499999999999995</v>
      </c>
      <c r="F46" s="4"/>
      <c r="G46" s="9">
        <v>2.23</v>
      </c>
      <c r="H46" s="5">
        <v>0.3876</v>
      </c>
      <c r="I46" s="6">
        <v>0.86434800000000001</v>
      </c>
      <c r="J46" s="6">
        <v>3.0899960000000002</v>
      </c>
    </row>
    <row r="47" spans="1:10" x14ac:dyDescent="0.15">
      <c r="A47" s="2">
        <v>1979</v>
      </c>
      <c r="B47" s="9">
        <v>0.54500000000000004</v>
      </c>
      <c r="C47" s="9">
        <v>0.54500000000000004</v>
      </c>
      <c r="D47" s="9">
        <v>0.54500000000000004</v>
      </c>
      <c r="E47" s="9">
        <v>0.55500000000000005</v>
      </c>
      <c r="F47" s="4"/>
      <c r="G47" s="9">
        <v>2.19</v>
      </c>
      <c r="H47" s="5">
        <v>0.34229999999999999</v>
      </c>
      <c r="I47" s="6">
        <v>0.749637</v>
      </c>
      <c r="J47" s="6">
        <v>3.8396330000000001</v>
      </c>
    </row>
    <row r="48" spans="1:10" x14ac:dyDescent="0.15">
      <c r="A48" s="2">
        <v>1978</v>
      </c>
      <c r="B48" s="9">
        <v>0.53</v>
      </c>
      <c r="C48" s="9">
        <v>0.53</v>
      </c>
      <c r="D48" s="9">
        <v>0.53</v>
      </c>
      <c r="E48" s="9">
        <v>0.54500000000000004</v>
      </c>
      <c r="F48" s="4"/>
      <c r="G48" s="9">
        <v>2.1349999999999998</v>
      </c>
      <c r="H48" s="5">
        <v>0.70540000000000003</v>
      </c>
      <c r="I48" s="6">
        <v>1.5060290000000001</v>
      </c>
      <c r="J48" s="6">
        <v>5.3456619999999999</v>
      </c>
    </row>
    <row r="49" spans="1:10" x14ac:dyDescent="0.15">
      <c r="A49" s="2">
        <v>1977</v>
      </c>
      <c r="B49" s="9">
        <v>0.51500000000000001</v>
      </c>
      <c r="C49" s="9">
        <v>0.51500000000000001</v>
      </c>
      <c r="D49" s="9">
        <v>0.51500000000000001</v>
      </c>
      <c r="E49" s="9">
        <v>0.53</v>
      </c>
      <c r="F49" s="4"/>
      <c r="G49" s="9">
        <v>2.0750000000000002</v>
      </c>
      <c r="H49" s="5">
        <v>0.58009999999999995</v>
      </c>
      <c r="I49" s="6">
        <v>1.2037074999999999</v>
      </c>
      <c r="J49" s="6">
        <v>6.5493695000000001</v>
      </c>
    </row>
    <row r="50" spans="1:10" x14ac:dyDescent="0.15">
      <c r="A50" s="2">
        <v>1976</v>
      </c>
      <c r="B50" s="9">
        <v>0.5</v>
      </c>
      <c r="C50" s="9">
        <v>0.5</v>
      </c>
      <c r="D50" s="9">
        <v>0.5</v>
      </c>
      <c r="E50" s="9">
        <v>0.51500000000000001</v>
      </c>
      <c r="F50" s="4"/>
      <c r="G50" s="9">
        <v>2.0150000000000001</v>
      </c>
      <c r="H50" s="5">
        <v>0.57050000000000001</v>
      </c>
      <c r="I50" s="6">
        <v>1.1495575</v>
      </c>
      <c r="J50" s="6">
        <v>7.6989270000000003</v>
      </c>
    </row>
    <row r="51" spans="1:10" x14ac:dyDescent="0.15">
      <c r="A51" s="2">
        <v>1975</v>
      </c>
      <c r="B51" s="9">
        <v>0.5</v>
      </c>
      <c r="C51" s="9">
        <v>0.5</v>
      </c>
      <c r="D51" s="9">
        <v>0.5</v>
      </c>
      <c r="E51" s="9">
        <v>0.5</v>
      </c>
      <c r="F51" s="4"/>
      <c r="G51" s="9">
        <v>2</v>
      </c>
      <c r="H51" s="5">
        <v>0.70309999999999995</v>
      </c>
      <c r="I51" s="6">
        <v>1.4061999999999999</v>
      </c>
      <c r="J51" s="6">
        <v>9.1051269999999995</v>
      </c>
    </row>
    <row r="52" spans="1:10" x14ac:dyDescent="0.15">
      <c r="A52" s="2">
        <v>1974</v>
      </c>
      <c r="B52" s="9">
        <v>0.47499999999999998</v>
      </c>
      <c r="C52" s="9">
        <v>0.5</v>
      </c>
      <c r="D52" s="9">
        <v>0.5</v>
      </c>
      <c r="E52" s="9">
        <v>0.5</v>
      </c>
      <c r="F52" s="4"/>
      <c r="G52" s="9">
        <v>1.9750000000000001</v>
      </c>
      <c r="H52" s="5">
        <v>0.74039999999999995</v>
      </c>
      <c r="I52" s="6">
        <v>1.4622900000000001</v>
      </c>
      <c r="J52" s="6">
        <v>10.567417000000001</v>
      </c>
    </row>
    <row r="53" spans="1:10" x14ac:dyDescent="0.15">
      <c r="A53" s="2">
        <v>1973</v>
      </c>
      <c r="B53" s="9">
        <v>0.45</v>
      </c>
      <c r="C53" s="9">
        <v>0.45</v>
      </c>
      <c r="D53" s="9">
        <v>0.47499999999999998</v>
      </c>
      <c r="E53" s="9">
        <v>0.47499999999999998</v>
      </c>
      <c r="F53" s="4"/>
      <c r="G53" s="9">
        <v>1.85</v>
      </c>
      <c r="H53" s="5">
        <v>0.69079999999999997</v>
      </c>
      <c r="I53" s="6">
        <v>1.2779799999999999</v>
      </c>
      <c r="J53" s="6">
        <v>11.845397</v>
      </c>
    </row>
    <row r="54" spans="1:10" x14ac:dyDescent="0.15">
      <c r="A54" s="2">
        <v>1972</v>
      </c>
      <c r="B54" s="9">
        <v>0.44500000000000001</v>
      </c>
      <c r="C54" s="9">
        <v>0.435</v>
      </c>
      <c r="D54" s="9">
        <v>0.435</v>
      </c>
      <c r="E54" s="9">
        <v>0.45</v>
      </c>
      <c r="F54" s="4"/>
      <c r="G54" s="9">
        <v>1.7649999999999999</v>
      </c>
      <c r="H54" s="5">
        <v>0.83730000000000004</v>
      </c>
      <c r="I54" s="6">
        <v>1.4778344999999999</v>
      </c>
      <c r="J54" s="6">
        <v>13.3232315</v>
      </c>
    </row>
    <row r="55" spans="1:10" x14ac:dyDescent="0.15">
      <c r="A55" s="2">
        <v>1971</v>
      </c>
      <c r="B55" s="9">
        <v>0.42499999999999999</v>
      </c>
      <c r="C55" s="9">
        <v>0.42499999999999999</v>
      </c>
      <c r="D55" s="9">
        <v>0.42499999999999999</v>
      </c>
      <c r="E55" s="9">
        <v>0.42499999999999999</v>
      </c>
      <c r="F55" s="4"/>
      <c r="G55" s="9">
        <v>1.7</v>
      </c>
      <c r="H55" s="5">
        <v>0.83040000000000003</v>
      </c>
      <c r="I55" s="6">
        <v>1.41168</v>
      </c>
      <c r="J55" s="6">
        <v>14.734911500000001</v>
      </c>
    </row>
  </sheetData>
  <pageMargins left="0.75" right="0.75" top="1" bottom="1" header="0.5" footer="0.5"/>
  <pageSetup orientation="portrait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WrappedLabelHistory xmlns:xsd="http://www.w3.org/2001/XMLSchema" xmlns:xsi="http://www.w3.org/2001/XMLSchema-instance" xmlns="http://www.boldonjames.com/2016/02/Classifier/internal/wrappedLabelHistory">
  <Value>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</Value>
</WrappedLabelHistory>
</file>

<file path=customXml/item2.xml><?xml version="1.0" encoding="utf-8"?>
<sisl xmlns:xsd="http://www.w3.org/2001/XMLSchema" xmlns:xsi="http://www.w3.org/2001/XMLSchema-instance" xmlns="http://www.boldonjames.com/2008/01/sie/internal/label" sislVersion="0" policy="e9c0b8d7-bdb4-4fd3-b62a-f50327aaefce" origin="autoSelectedSuggestion">
  <element uid="c5f8eb12-5b27-439d-aaa6-3402af626fa3" value=""/>
  <element uid="c64218ab-b8d1-40b6-a478-cb8be1e10ecc" value=""/>
</sisl>
</file>

<file path=customXml/itemProps1.xml><?xml version="1.0" encoding="utf-8"?>
<ds:datastoreItem xmlns:ds="http://schemas.openxmlformats.org/officeDocument/2006/customXml" ds:itemID="{D7BFDC7B-F5FD-40EC-A65A-E90E4DCB0503}">
  <ds:schemaRefs>
    <ds:schemaRef ds:uri="http://www.w3.org/2001/XMLSchema"/>
    <ds:schemaRef ds:uri="http://www.boldonjames.com/2016/02/Classifier/internal/wrappedLabelHistory"/>
  </ds:schemaRefs>
</ds:datastoreItem>
</file>

<file path=customXml/itemProps2.xml><?xml version="1.0" encoding="utf-8"?>
<ds:datastoreItem xmlns:ds="http://schemas.openxmlformats.org/officeDocument/2006/customXml" ds:itemID="{069417DA-29A4-4A5B-80AC-1899C3C7450B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Quarterly Dividend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Ryan Roe</dc:creator>
  <cp:keywords/>
  <cp:lastModifiedBy>Ryan W Roe</cp:lastModifiedBy>
  <dcterms:created xsi:type="dcterms:W3CDTF">2018-10-11T15:55:06Z</dcterms:created>
  <dcterms:modified xsi:type="dcterms:W3CDTF">2024-01-22T13:21:5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ea62dfa0-1dd1-40d6-be35-a4e964212ae1</vt:lpwstr>
  </property>
  <property fmtid="{D5CDD505-2E9C-101B-9397-08002B2CF9AE}" pid="3" name="bjSaver">
    <vt:lpwstr>KYMrXzQl/PDI3MMsjO/ZA1LH/0CrKXo7</vt:lpwstr>
  </property>
  <property fmtid="{D5CDD505-2E9C-101B-9397-08002B2CF9AE}" pid="4" name="bjDocumentSecurityLabel">
    <vt:lpwstr>AEP Public</vt:lpwstr>
  </property>
  <property fmtid="{D5CDD505-2E9C-101B-9397-08002B2CF9AE}" pid="5" name="Visual Markings Removed">
    <vt:lpwstr>No</vt:lpwstr>
  </property>
  <property fmtid="{D5CDD505-2E9C-101B-9397-08002B2CF9AE}" pid="6" name="bjClsUserRVM">
    <vt:lpwstr>[]</vt:lpwstr>
  </property>
  <property fmtid="{D5CDD505-2E9C-101B-9397-08002B2CF9AE}" pid="7" name="bjDocumentLabelXML">
    <vt:lpwstr>&lt;?xml version="1.0" encoding="us-ascii"?&gt;&lt;sisl xmlns:xsd="http://www.w3.org/2001/XMLSchema" xmlns:xsi="http://www.w3.org/2001/XMLSchema-instance" sislVersion="0" policy="e9c0b8d7-bdb4-4fd3-b62a-f50327aaefce" origin="autoSelectedSuggestion" xmlns="http://w</vt:lpwstr>
  </property>
  <property fmtid="{D5CDD505-2E9C-101B-9397-08002B2CF9AE}" pid="8" name="bjDocumentLabelXML-0">
    <vt:lpwstr>ww.boldonjames.com/2008/01/sie/internal/label"&gt;&lt;element uid="c5f8eb12-5b27-439d-aaa6-3402af626fa3" value="" /&gt;&lt;element uid="c64218ab-b8d1-40b6-a478-cb8be1e10ecc" value="" /&gt;&lt;/sisl&gt;</vt:lpwstr>
  </property>
  <property fmtid="{D5CDD505-2E9C-101B-9397-08002B2CF9AE}" pid="9" name="bjLabelHistoryID">
    <vt:lpwstr>{D7BFDC7B-F5FD-40EC-A65A-E90E4DCB0503}</vt:lpwstr>
  </property>
  <property fmtid="{D5CDD505-2E9C-101B-9397-08002B2CF9AE}" pid="10" name="MSIP_Label_5c34e43d-0b77-4b2c-b224-1b46981ccfdb_SiteId">
    <vt:lpwstr>15f3c881-6b03-4ff6-8559-77bf5177818f</vt:lpwstr>
  </property>
  <property fmtid="{D5CDD505-2E9C-101B-9397-08002B2CF9AE}" pid="11" name="MSIP_Label_5c34e43d-0b77-4b2c-b224-1b46981ccfdb_Name">
    <vt:lpwstr>AEP Public</vt:lpwstr>
  </property>
  <property fmtid="{D5CDD505-2E9C-101B-9397-08002B2CF9AE}" pid="12" name="MSIP_Label_5c34e43d-0b77-4b2c-b224-1b46981ccfdb_Enabled">
    <vt:lpwstr>true</vt:lpwstr>
  </property>
</Properties>
</file>